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"/>
    </mc:Choice>
  </mc:AlternateContent>
  <bookViews>
    <workbookView xWindow="15" yWindow="0" windowWidth="24495" windowHeight="11760"/>
  </bookViews>
  <sheets>
    <sheet name="高校" sheetId="14" r:id="rId1"/>
  </sheets>
  <calcPr calcId="125725" iterate="1" iterateCount="1" iterateDelta="0"/>
</workbook>
</file>

<file path=xl/sharedStrings.xml><?xml version="1.0" encoding="utf-8"?>
<sst xmlns="http://schemas.openxmlformats.org/spreadsheetml/2006/main" count="38" uniqueCount="17">
  <si>
    <t>教科</t>
    <rPh sb="0" eb="1">
      <t>キョウ</t>
    </rPh>
    <rPh sb="1" eb="2">
      <t>カ</t>
    </rPh>
    <phoneticPr fontId="1"/>
  </si>
  <si>
    <t>国語</t>
    <rPh sb="0" eb="1">
      <t>クニ</t>
    </rPh>
    <rPh sb="1" eb="2">
      <t>ゴ</t>
    </rPh>
    <phoneticPr fontId="1"/>
  </si>
  <si>
    <t>社会</t>
    <rPh sb="0" eb="1">
      <t>シャ</t>
    </rPh>
    <rPh sb="1" eb="2">
      <t>カイ</t>
    </rPh>
    <phoneticPr fontId="1"/>
  </si>
  <si>
    <t>数学</t>
    <rPh sb="0" eb="1">
      <t>カズ</t>
    </rPh>
    <rPh sb="1" eb="2">
      <t>ガク</t>
    </rPh>
    <phoneticPr fontId="1"/>
  </si>
  <si>
    <t>理科</t>
    <rPh sb="0" eb="1">
      <t>リ</t>
    </rPh>
    <rPh sb="1" eb="2">
      <t>カ</t>
    </rPh>
    <phoneticPr fontId="1"/>
  </si>
  <si>
    <t>2次</t>
    <rPh sb="1" eb="2">
      <t>ジ</t>
    </rPh>
    <phoneticPr fontId="1"/>
  </si>
  <si>
    <t>　大分県立高等学校入学者選抜学力検査問題</t>
    <rPh sb="1" eb="4">
      <t>オオイタケン</t>
    </rPh>
    <rPh sb="4" eb="5">
      <t>リツ</t>
    </rPh>
    <rPh sb="5" eb="7">
      <t>コウトウ</t>
    </rPh>
    <rPh sb="7" eb="9">
      <t>ガッコウ</t>
    </rPh>
    <rPh sb="9" eb="12">
      <t>ニュウガクシャ</t>
    </rPh>
    <rPh sb="12" eb="14">
      <t>センバツ</t>
    </rPh>
    <rPh sb="14" eb="16">
      <t>ガクリョク</t>
    </rPh>
    <rPh sb="16" eb="18">
      <t>ケンサ</t>
    </rPh>
    <rPh sb="18" eb="20">
      <t>モンダイ</t>
    </rPh>
    <phoneticPr fontId="1"/>
  </si>
  <si>
    <t>英語</t>
    <rPh sb="0" eb="2">
      <t>エイゴ</t>
    </rPh>
    <phoneticPr fontId="1"/>
  </si>
  <si>
    <t>　　(問題の公開はありません)　　　小論文・面接　　　　　　　</t>
    <rPh sb="3" eb="5">
      <t>モンダイ</t>
    </rPh>
    <rPh sb="6" eb="8">
      <t>コウカイ</t>
    </rPh>
    <phoneticPr fontId="1"/>
  </si>
  <si>
    <t>令和２年度</t>
    <rPh sb="0" eb="2">
      <t>レイワ</t>
    </rPh>
    <rPh sb="3" eb="5">
      <t>ネンド</t>
    </rPh>
    <phoneticPr fontId="1"/>
  </si>
  <si>
    <t>令和３年度</t>
    <rPh sb="0" eb="2">
      <t>レイワ</t>
    </rPh>
    <rPh sb="3" eb="5">
      <t>ネンド</t>
    </rPh>
    <phoneticPr fontId="1"/>
  </si>
  <si>
    <t>令和４年度</t>
    <rPh sb="0" eb="2">
      <t>レイワ</t>
    </rPh>
    <rPh sb="3" eb="5">
      <t>ネンド</t>
    </rPh>
    <phoneticPr fontId="1"/>
  </si>
  <si>
    <t>令和５年度</t>
    <rPh sb="0" eb="2">
      <t>レイワ</t>
    </rPh>
    <rPh sb="3" eb="5">
      <t>ネンド</t>
    </rPh>
    <phoneticPr fontId="1"/>
  </si>
  <si>
    <t>1次枚数</t>
    <rPh sb="1" eb="2">
      <t>ジ</t>
    </rPh>
    <rPh sb="2" eb="4">
      <t>マイスウ</t>
    </rPh>
    <phoneticPr fontId="1"/>
  </si>
  <si>
    <t>○</t>
    <phoneticPr fontId="1"/>
  </si>
  <si>
    <t>令和６年度</t>
    <rPh sb="0" eb="2">
      <t>レイワ</t>
    </rPh>
    <rPh sb="3" eb="5">
      <t>ネンド</t>
    </rPh>
    <phoneticPr fontId="1"/>
  </si>
  <si>
    <t>※　必要な科目の枚数左横の空欄に○を入れてください。</t>
    <rPh sb="2" eb="4">
      <t>ヒツヨウ</t>
    </rPh>
    <rPh sb="5" eb="7">
      <t>カモク</t>
    </rPh>
    <rPh sb="8" eb="10">
      <t>マイスウ</t>
    </rPh>
    <rPh sb="10" eb="11">
      <t>ヒダリ</t>
    </rPh>
    <rPh sb="11" eb="12">
      <t>ヨコ</t>
    </rPh>
    <rPh sb="13" eb="15">
      <t>クウラン</t>
    </rPh>
    <rPh sb="18" eb="19">
      <t>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 style="dotted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0" fillId="0" borderId="0" xfId="0" applyFont="1" applyBorder="1">
      <alignment vertical="center"/>
    </xf>
    <xf numFmtId="0" fontId="2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0" xfId="0" applyFont="1" applyAlignment="1">
      <alignment horizontal="center" vertical="center" shrinkToFit="1"/>
    </xf>
    <xf numFmtId="0" fontId="5" fillId="0" borderId="0" xfId="0" applyFont="1" applyFill="1" applyBorder="1" applyAlignment="1">
      <alignment vertical="center"/>
    </xf>
    <xf numFmtId="0" fontId="7" fillId="0" borderId="0" xfId="0" applyFont="1" applyAlignment="1">
      <alignment horizontal="center" vertical="center" shrinkToFit="1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Fill="1" applyBorder="1" applyAlignment="1">
      <alignment horizontal="center" vertical="center"/>
    </xf>
    <xf numFmtId="0" fontId="2" fillId="0" borderId="17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Fill="1" applyBorder="1" applyAlignment="1" applyProtection="1">
      <alignment horizontal="center" vertical="center"/>
      <protection locked="0"/>
    </xf>
    <xf numFmtId="0" fontId="2" fillId="0" borderId="22" xfId="0" applyFont="1" applyFill="1" applyBorder="1" applyAlignment="1">
      <alignment horizontal="center" vertical="center"/>
    </xf>
    <xf numFmtId="0" fontId="2" fillId="0" borderId="23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4" fillId="0" borderId="25" xfId="0" applyFont="1" applyBorder="1" applyAlignment="1">
      <alignment horizontal="center" vertical="center" textRotation="255" wrapText="1"/>
    </xf>
    <xf numFmtId="0" fontId="4" fillId="0" borderId="26" xfId="0" applyFont="1" applyBorder="1" applyAlignment="1">
      <alignment horizontal="center" vertical="center" textRotation="255" wrapText="1"/>
    </xf>
    <xf numFmtId="0" fontId="4" fillId="0" borderId="27" xfId="0" applyFont="1" applyBorder="1" applyAlignment="1">
      <alignment horizontal="center" vertical="center" textRotation="255" wrapText="1"/>
    </xf>
    <xf numFmtId="0" fontId="4" fillId="0" borderId="1" xfId="0" applyFont="1" applyBorder="1" applyAlignment="1">
      <alignment horizontal="center" vertical="center" textRotation="255" wrapText="1"/>
    </xf>
    <xf numFmtId="0" fontId="4" fillId="0" borderId="8" xfId="0" applyFont="1" applyBorder="1" applyAlignment="1">
      <alignment horizontal="center" vertical="center" textRotation="255" wrapText="1"/>
    </xf>
    <xf numFmtId="0" fontId="4" fillId="0" borderId="2" xfId="0" applyFont="1" applyBorder="1" applyAlignment="1">
      <alignment horizontal="center" vertical="center" textRotation="255" wrapText="1"/>
    </xf>
    <xf numFmtId="0" fontId="6" fillId="0" borderId="0" xfId="0" applyFont="1" applyAlignment="1">
      <alignment horizontal="center" vertical="center" shrinkToFit="1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 shrinkToFit="1"/>
    </xf>
    <xf numFmtId="0" fontId="2" fillId="0" borderId="28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3"/>
  <sheetViews>
    <sheetView tabSelected="1" workbookViewId="0">
      <selection activeCell="G17" sqref="G17"/>
    </sheetView>
  </sheetViews>
  <sheetFormatPr defaultRowHeight="13.5"/>
  <cols>
    <col min="1" max="1" width="11.75" customWidth="1"/>
    <col min="2" max="2" width="3.5" bestFit="1" customWidth="1"/>
    <col min="3" max="3" width="11" customWidth="1"/>
    <col min="4" max="4" width="10.625" customWidth="1"/>
    <col min="5" max="5" width="3.5" bestFit="1" customWidth="1"/>
    <col min="6" max="6" width="11" bestFit="1" customWidth="1"/>
    <col min="7" max="7" width="10.625" customWidth="1"/>
    <col min="8" max="8" width="3.5" bestFit="1" customWidth="1"/>
    <col min="9" max="9" width="11" bestFit="1" customWidth="1"/>
    <col min="10" max="10" width="10.625" customWidth="1"/>
    <col min="11" max="11" width="3.5" bestFit="1" customWidth="1"/>
    <col min="12" max="12" width="11" bestFit="1" customWidth="1"/>
    <col min="13" max="13" width="10.625" customWidth="1"/>
    <col min="14" max="14" width="3.5" bestFit="1" customWidth="1"/>
    <col min="15" max="15" width="11" customWidth="1"/>
    <col min="16" max="16" width="10.625" customWidth="1"/>
  </cols>
  <sheetData>
    <row r="1" spans="1:18" ht="32.25" customHeight="1">
      <c r="A1" s="35" t="s">
        <v>6</v>
      </c>
      <c r="B1" s="35"/>
      <c r="C1" s="35"/>
      <c r="D1" s="35"/>
      <c r="E1" s="35"/>
      <c r="F1" s="35"/>
      <c r="G1" s="35"/>
      <c r="H1" s="35"/>
      <c r="I1" s="35"/>
      <c r="J1" s="35"/>
      <c r="K1" s="35"/>
      <c r="L1" s="35"/>
      <c r="M1" s="35"/>
      <c r="N1" s="35"/>
      <c r="O1" s="35"/>
      <c r="P1" s="35"/>
    </row>
    <row r="2" spans="1:18" ht="32.25" customHeight="1">
      <c r="A2" s="9"/>
      <c r="B2" s="9"/>
      <c r="C2" s="9"/>
      <c r="D2" s="9"/>
      <c r="E2" s="9"/>
      <c r="F2" s="38"/>
      <c r="G2" s="38"/>
      <c r="H2" s="38"/>
      <c r="I2" s="38"/>
      <c r="J2" s="38"/>
      <c r="K2" s="11"/>
    </row>
    <row r="3" spans="1:18" ht="27.75" customHeight="1" thickBot="1">
      <c r="A3" s="10" t="s">
        <v>16</v>
      </c>
    </row>
    <row r="4" spans="1:18" ht="26.25" customHeight="1">
      <c r="A4" s="36" t="s">
        <v>0</v>
      </c>
      <c r="B4" s="39" t="s">
        <v>14</v>
      </c>
      <c r="C4" s="12" t="s">
        <v>9</v>
      </c>
      <c r="D4" s="27" t="s">
        <v>9</v>
      </c>
      <c r="E4" s="39" t="s">
        <v>14</v>
      </c>
      <c r="F4" s="17" t="s">
        <v>10</v>
      </c>
      <c r="G4" s="27" t="s">
        <v>10</v>
      </c>
      <c r="H4" s="39" t="s">
        <v>14</v>
      </c>
      <c r="I4" s="12" t="s">
        <v>11</v>
      </c>
      <c r="J4" s="27" t="s">
        <v>11</v>
      </c>
      <c r="K4" s="39" t="s">
        <v>14</v>
      </c>
      <c r="L4" s="22" t="s">
        <v>12</v>
      </c>
      <c r="M4" s="27" t="s">
        <v>12</v>
      </c>
      <c r="N4" s="39" t="s">
        <v>14</v>
      </c>
      <c r="O4" s="22" t="s">
        <v>15</v>
      </c>
      <c r="P4" s="27" t="s">
        <v>15</v>
      </c>
    </row>
    <row r="5" spans="1:18" ht="26.25" customHeight="1" thickBot="1">
      <c r="A5" s="37"/>
      <c r="B5" s="40"/>
      <c r="C5" s="13" t="s">
        <v>13</v>
      </c>
      <c r="D5" s="28" t="s">
        <v>5</v>
      </c>
      <c r="E5" s="40"/>
      <c r="F5" s="18" t="s">
        <v>13</v>
      </c>
      <c r="G5" s="28" t="s">
        <v>5</v>
      </c>
      <c r="H5" s="40"/>
      <c r="I5" s="13" t="s">
        <v>13</v>
      </c>
      <c r="J5" s="28" t="s">
        <v>5</v>
      </c>
      <c r="K5" s="40"/>
      <c r="L5" s="23" t="s">
        <v>13</v>
      </c>
      <c r="M5" s="28" t="s">
        <v>5</v>
      </c>
      <c r="N5" s="40"/>
      <c r="O5" s="23" t="s">
        <v>13</v>
      </c>
      <c r="P5" s="28" t="s">
        <v>5</v>
      </c>
    </row>
    <row r="6" spans="1:18" ht="45" customHeight="1">
      <c r="A6" s="3" t="s">
        <v>1</v>
      </c>
      <c r="B6" s="31"/>
      <c r="C6" s="14">
        <v>9</v>
      </c>
      <c r="D6" s="32" t="s">
        <v>8</v>
      </c>
      <c r="E6" s="31"/>
      <c r="F6" s="19">
        <v>8</v>
      </c>
      <c r="G6" s="32" t="s">
        <v>8</v>
      </c>
      <c r="H6" s="31"/>
      <c r="I6" s="14">
        <v>8</v>
      </c>
      <c r="J6" s="32" t="s">
        <v>8</v>
      </c>
      <c r="K6" s="31"/>
      <c r="L6" s="24">
        <v>8</v>
      </c>
      <c r="M6" s="32" t="s">
        <v>8</v>
      </c>
      <c r="N6" s="31"/>
      <c r="O6" s="24">
        <v>8</v>
      </c>
      <c r="P6" s="32" t="s">
        <v>8</v>
      </c>
    </row>
    <row r="7" spans="1:18" ht="45" customHeight="1">
      <c r="A7" s="4" t="s">
        <v>2</v>
      </c>
      <c r="B7" s="29"/>
      <c r="C7" s="15">
        <v>8</v>
      </c>
      <c r="D7" s="33"/>
      <c r="E7" s="29"/>
      <c r="F7" s="20">
        <v>8</v>
      </c>
      <c r="G7" s="33"/>
      <c r="H7" s="29"/>
      <c r="I7" s="15">
        <v>8</v>
      </c>
      <c r="J7" s="33"/>
      <c r="K7" s="29"/>
      <c r="L7" s="25">
        <v>8</v>
      </c>
      <c r="M7" s="33"/>
      <c r="N7" s="29"/>
      <c r="O7" s="25">
        <v>8</v>
      </c>
      <c r="P7" s="33"/>
    </row>
    <row r="8" spans="1:18" ht="45" customHeight="1">
      <c r="A8" s="4" t="s">
        <v>3</v>
      </c>
      <c r="B8" s="29"/>
      <c r="C8" s="15">
        <v>8</v>
      </c>
      <c r="D8" s="33"/>
      <c r="E8" s="29"/>
      <c r="F8" s="20">
        <v>8</v>
      </c>
      <c r="G8" s="33"/>
      <c r="H8" s="29"/>
      <c r="I8" s="15">
        <v>8</v>
      </c>
      <c r="J8" s="33"/>
      <c r="K8" s="29"/>
      <c r="L8" s="25">
        <v>8</v>
      </c>
      <c r="M8" s="33"/>
      <c r="N8" s="29"/>
      <c r="O8" s="25">
        <v>8</v>
      </c>
      <c r="P8" s="33"/>
      <c r="R8" s="6"/>
    </row>
    <row r="9" spans="1:18" ht="45" customHeight="1">
      <c r="A9" s="4" t="s">
        <v>4</v>
      </c>
      <c r="B9" s="29"/>
      <c r="C9" s="15">
        <v>8</v>
      </c>
      <c r="D9" s="33"/>
      <c r="E9" s="29"/>
      <c r="F9" s="20">
        <v>8</v>
      </c>
      <c r="G9" s="33"/>
      <c r="H9" s="29"/>
      <c r="I9" s="15">
        <v>9</v>
      </c>
      <c r="J9" s="33"/>
      <c r="K9" s="29"/>
      <c r="L9" s="25">
        <v>9</v>
      </c>
      <c r="M9" s="33"/>
      <c r="N9" s="29"/>
      <c r="O9" s="25">
        <v>9</v>
      </c>
      <c r="P9" s="33"/>
    </row>
    <row r="10" spans="1:18" ht="45" customHeight="1" thickBot="1">
      <c r="A10" s="5" t="s">
        <v>7</v>
      </c>
      <c r="B10" s="30"/>
      <c r="C10" s="16">
        <v>9</v>
      </c>
      <c r="D10" s="34"/>
      <c r="E10" s="30"/>
      <c r="F10" s="21">
        <v>9</v>
      </c>
      <c r="G10" s="34"/>
      <c r="H10" s="30"/>
      <c r="I10" s="16">
        <v>9</v>
      </c>
      <c r="J10" s="34"/>
      <c r="K10" s="30"/>
      <c r="L10" s="26">
        <v>9</v>
      </c>
      <c r="M10" s="34"/>
      <c r="N10" s="30"/>
      <c r="O10" s="26">
        <v>9</v>
      </c>
      <c r="P10" s="34"/>
    </row>
    <row r="11" spans="1:18" ht="20.25" customHeight="1">
      <c r="A11" s="1"/>
      <c r="B11" s="2"/>
      <c r="C11" s="7"/>
      <c r="D11" s="2"/>
      <c r="E11" s="2"/>
      <c r="F11" s="7"/>
      <c r="G11" s="2"/>
      <c r="H11" s="2"/>
      <c r="I11" s="7"/>
      <c r="J11" s="2"/>
      <c r="K11" s="2"/>
      <c r="L11" s="2"/>
      <c r="M11" s="2"/>
    </row>
    <row r="12" spans="1:18" ht="27" customHeight="1">
      <c r="I12" s="8"/>
    </row>
    <row r="13" spans="1:18" ht="14.25" customHeight="1"/>
  </sheetData>
  <mergeCells count="13">
    <mergeCell ref="N4:N5"/>
    <mergeCell ref="P6:P10"/>
    <mergeCell ref="A1:P1"/>
    <mergeCell ref="K4:K5"/>
    <mergeCell ref="D6:D10"/>
    <mergeCell ref="G6:G10"/>
    <mergeCell ref="J6:J10"/>
    <mergeCell ref="M6:M10"/>
    <mergeCell ref="F2:J2"/>
    <mergeCell ref="A4:A5"/>
    <mergeCell ref="B4:B5"/>
    <mergeCell ref="E4:E5"/>
    <mergeCell ref="H4:H5"/>
  </mergeCells>
  <phoneticPr fontId="1"/>
  <pageMargins left="0.51181102362204722" right="0.51181102362204722" top="0.74803149606299213" bottom="0.74803149606299213" header="0.31496062992125984" footer="0.31496062992125984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高校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oitapref</cp:lastModifiedBy>
  <cp:lastPrinted>2023-11-24T05:02:31Z</cp:lastPrinted>
  <dcterms:created xsi:type="dcterms:W3CDTF">2008-07-07T07:05:42Z</dcterms:created>
  <dcterms:modified xsi:type="dcterms:W3CDTF">2024-03-08T07:23:19Z</dcterms:modified>
</cp:coreProperties>
</file>